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4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4-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4-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middengroning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ogo, Lettertype, Graphics&#10;&#10;Automatisch gegenereerde beschrijving">
            <a:extLst>
              <a:ext uri="{FF2B5EF4-FFF2-40B4-BE49-F238E27FC236}">
                <a16:creationId xmlns:a16="http://schemas.microsoft.com/office/drawing/2014/main" id="{BA982573-51AB-34A8-BB51-92C9BDFF8CD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4540906"/>
            <a:ext cx="2091849" cy="2058380"/>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ogo, Lettertype, Graphics&#10;&#10;Automatisch gegenereerde beschrijving">
            <a:extLst>
              <a:ext uri="{FF2B5EF4-FFF2-40B4-BE49-F238E27FC236}">
                <a16:creationId xmlns:a16="http://schemas.microsoft.com/office/drawing/2014/main" id="{BCB0DB2D-C134-7C66-CFEC-CE7FB0EFDB7D}"/>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366261" y="3985305"/>
            <a:ext cx="1378426" cy="135637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4-02T10:18:40Z</dcterms:modified>
</cp:coreProperties>
</file>